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0-7-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0-7-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oudenber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vogel, logo, Lettertype&#10;&#10;Automatisch gegenereerde beschrijving">
            <a:extLst>
              <a:ext uri="{FF2B5EF4-FFF2-40B4-BE49-F238E27FC236}">
                <a16:creationId xmlns:a16="http://schemas.microsoft.com/office/drawing/2014/main" id="{EA560F87-088B-FD42-A071-B64EA83675B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5756" y="4559161"/>
            <a:ext cx="2828882" cy="210468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vogel, logo, Lettertype&#10;&#10;Automatisch gegenereerde beschrijving">
            <a:extLst>
              <a:ext uri="{FF2B5EF4-FFF2-40B4-BE49-F238E27FC236}">
                <a16:creationId xmlns:a16="http://schemas.microsoft.com/office/drawing/2014/main" id="{8E4A5A30-C08F-D96C-302D-9C373A6C4F3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4391" y="3847786"/>
            <a:ext cx="1965334"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7-30T08:08:17Z</dcterms:modified>
</cp:coreProperties>
</file>